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le nom et le nom abrégé de la catégorie en tant qu'âge . Comme pour les options de catégorie, ces champs doivent contenir des valeurs uniques pour ce type de métadonnées afin d'éviter la duplication des catégories par inadvertance.</a:t>
            </a:r>
          </a:p>
          <a:p>
            <a:endParaRPr dirty="0" lang="en-US"/>
          </a:p>
          <a:p txid="d606a94a6ea029de78d7a169ed3bc974">
            <a:r>
              <a:rPr dirty="0" lang="en-US"/>
              <a:t>Le type de dimension des données est le prochain champ obligatoire. Il existe deux types de dimension, la ventilation et les attributs. Chaque fois que nous ventilons un élément de données, comme c'est le cas dans cet exemple, nous sélectionnons "ventilation".</a:t>
            </a:r>
          </a:p>
          <a:p>
            <a:endParaRPr dirty="0" lang="en-US"/>
          </a:p>
          <a:p txid="c19c4bdbb6bbe3e97c2d054a2d21e31e">
            <a:r>
              <a:rPr dirty="0" lang="en-US"/>
              <a:t>Vous pouvez en savoir plus sur le type d'attribut en consultant la documentation DHIS2. Vous pouvez voir ci-dessous la case à cocher de la dimension des donnée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dimension des donnée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sélectionnée. Il faut noter que l'ordre des options de catégorie dans la colonne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